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929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292607\Desktop\2026 webite updates\"/>
    </mc:Choice>
  </mc:AlternateContent>
  <xr:revisionPtr revIDLastSave="0" documentId="13_ncr:1_{EDD711E4-62B4-4927-8C34-97A544AF7584}" xr6:coauthVersionLast="47" xr6:coauthVersionMax="47" xr10:uidLastSave="{00000000-0000-0000-0000-000000000000}"/>
  <bookViews>
    <workbookView xWindow="-120" yWindow="-120" windowWidth="29040" windowHeight="15720" xr2:uid="{41E7DFEB-E113-4E9F-BE9A-75D4B1CBB992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2"/>
    </ext>
  </extLst>
</workbook>
</file>

<file path=xl/sharedStrings.xml><?xml version="1.0" encoding="utf-8"?>
<sst xmlns="http://schemas.openxmlformats.org/spreadsheetml/2006/main" count="131" uniqueCount="108">
  <si>
    <t>Year</t>
  </si>
  <si>
    <t>Max Elevation</t>
  </si>
  <si>
    <t>Max Date</t>
  </si>
  <si>
    <t>Other Spill Elevation</t>
  </si>
  <si>
    <t>Other Spill Date</t>
  </si>
  <si>
    <t>Min Elevation</t>
  </si>
  <si>
    <t>Min Date</t>
  </si>
  <si>
    <t>Jan. 29</t>
  </si>
  <si>
    <t>Nov. 17</t>
  </si>
  <si>
    <t>Dec. 23</t>
  </si>
  <si>
    <t>Dec. 25</t>
  </si>
  <si>
    <t>Jun. 14</t>
  </si>
  <si>
    <t>Sep. 17</t>
  </si>
  <si>
    <t>Nov. 13</t>
  </si>
  <si>
    <t>Aug. 2</t>
  </si>
  <si>
    <t>Feb. 24</t>
  </si>
  <si>
    <t>Oct. 3</t>
  </si>
  <si>
    <t>Oct. 12</t>
  </si>
  <si>
    <t>Sep. 23</t>
  </si>
  <si>
    <t>Dec. 31</t>
  </si>
  <si>
    <t>Dec. 29</t>
  </si>
  <si>
    <t>Sep. 30</t>
  </si>
  <si>
    <t>Nov. 28</t>
  </si>
  <si>
    <t>Sep. 19</t>
  </si>
  <si>
    <t>Dec. 3</t>
  </si>
  <si>
    <t>Jan. 9</t>
  </si>
  <si>
    <t>Jan. 8</t>
  </si>
  <si>
    <t>Jan. 2</t>
  </si>
  <si>
    <t>Nov. 29</t>
  </si>
  <si>
    <t>Dec. 11</t>
  </si>
  <si>
    <t>Sep. 3</t>
  </si>
  <si>
    <t>Jan. 20</t>
  </si>
  <si>
    <t>Sep. 25</t>
  </si>
  <si>
    <t>Oct. 24</t>
  </si>
  <si>
    <t>Mar. 15</t>
  </si>
  <si>
    <t>Dec. 10</t>
  </si>
  <si>
    <t>Jan. 1</t>
  </si>
  <si>
    <t>Oct. 23</t>
  </si>
  <si>
    <t>Sep. 12</t>
  </si>
  <si>
    <t>Jun. 22</t>
  </si>
  <si>
    <t>Feb. 16</t>
  </si>
  <si>
    <t>Oct.5</t>
  </si>
  <si>
    <t>Sep. 29</t>
  </si>
  <si>
    <t>Oct.01</t>
  </si>
  <si>
    <t>Sep.30</t>
  </si>
  <si>
    <t>Sep.28</t>
  </si>
  <si>
    <t>Feb.20</t>
  </si>
  <si>
    <t>Feb. 23</t>
  </si>
  <si>
    <t>May. 9</t>
  </si>
  <si>
    <t>Dec. 16</t>
  </si>
  <si>
    <t>Jan. 11</t>
  </si>
  <si>
    <t>Mar. 18</t>
  </si>
  <si>
    <t>*791.59</t>
  </si>
  <si>
    <t>Updated 01/28/2015: Revision to previously published data</t>
  </si>
  <si>
    <t>Nov. 27</t>
  </si>
  <si>
    <t>Dec. 20</t>
  </si>
  <si>
    <t>Jan. 05</t>
  </si>
  <si>
    <t>Jan. 28</t>
  </si>
  <si>
    <t>Feb. 5</t>
  </si>
  <si>
    <t>Dec.9</t>
  </si>
  <si>
    <t>SEPT. 7</t>
  </si>
  <si>
    <t>Feb. 7</t>
  </si>
  <si>
    <t>Jun. 29</t>
  </si>
  <si>
    <t>Jun. 24</t>
  </si>
  <si>
    <t>Mar. 29</t>
  </si>
  <si>
    <t>Nov. 1</t>
  </si>
  <si>
    <t>Mar. 5</t>
  </si>
  <si>
    <t>Nov. 18</t>
  </si>
  <si>
    <t>Feb. 2</t>
  </si>
  <si>
    <t>Nov. 6</t>
  </si>
  <si>
    <t>JUL. 6</t>
  </si>
  <si>
    <t>Feb. 17</t>
  </si>
  <si>
    <t>Dec. 13</t>
  </si>
  <si>
    <t>Sep. 8</t>
  </si>
  <si>
    <t>Mar. 2</t>
  </si>
  <si>
    <t>Aug. 27</t>
  </si>
  <si>
    <t>Aug. 15</t>
  </si>
  <si>
    <t>Nov. 5</t>
  </si>
  <si>
    <t>Aug. 18</t>
  </si>
  <si>
    <t>Aug. 19</t>
  </si>
  <si>
    <t>Feb. 14</t>
  </si>
  <si>
    <t>Oct. 20</t>
  </si>
  <si>
    <t>Oct. 21</t>
  </si>
  <si>
    <t>Oct. 22</t>
  </si>
  <si>
    <t>Oct. 7</t>
  </si>
  <si>
    <t>Oct.20</t>
  </si>
  <si>
    <t>JUL. 13</t>
  </si>
  <si>
    <t>Jan. 17</t>
  </si>
  <si>
    <t>Dec. 5</t>
  </si>
  <si>
    <t>Feb. 26</t>
  </si>
  <si>
    <t>Sep. 22</t>
  </si>
  <si>
    <t>Jan. 27</t>
  </si>
  <si>
    <t>Nov. 11</t>
  </si>
  <si>
    <t>Mar. 20</t>
  </si>
  <si>
    <t>Jan. 3</t>
  </si>
  <si>
    <t>Jan. 4</t>
  </si>
  <si>
    <t>Dec. 6</t>
  </si>
  <si>
    <t>Dec. 7</t>
  </si>
  <si>
    <t>Nov. 30</t>
  </si>
  <si>
    <t>Dec. 1</t>
  </si>
  <si>
    <t>Mar. 10</t>
  </si>
  <si>
    <t>Mar. 11</t>
  </si>
  <si>
    <t>Feb. 3</t>
  </si>
  <si>
    <t>Jan. 23</t>
  </si>
  <si>
    <t>Oct. 18</t>
  </si>
  <si>
    <t>FIRST FULL</t>
  </si>
  <si>
    <t>Mar. 7</t>
  </si>
  <si>
    <t>Sep. 2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Aptos Narrow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">
    <xf numFmtId="0" fontId="0" fillId="0" borderId="0" xfId="0"/>
    <xf numFmtId="0" fontId="0" fillId="2" borderId="1" xfId="0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16" fontId="0" fillId="0" borderId="1" xfId="0" applyNumberFormat="1" applyBorder="1" applyAlignment="1">
      <alignment horizontal="center" vertical="center"/>
    </xf>
    <xf numFmtId="0" fontId="0" fillId="0" borderId="0" xfId="0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CA2890-913C-4D9F-AEB4-C0DF0570FA47}">
  <dimension ref="A1:G81"/>
  <sheetViews>
    <sheetView tabSelected="1" topLeftCell="A7" workbookViewId="0">
      <selection activeCell="K20" sqref="K20"/>
    </sheetView>
  </sheetViews>
  <sheetFormatPr defaultRowHeight="15" x14ac:dyDescent="0.25"/>
  <cols>
    <col min="2" max="2" width="13.7109375" customWidth="1"/>
    <col min="3" max="3" width="12.140625" customWidth="1"/>
    <col min="4" max="4" width="19" customWidth="1"/>
    <col min="5" max="5" width="15.5703125" customWidth="1"/>
    <col min="6" max="6" width="14.28515625" customWidth="1"/>
    <col min="7" max="7" width="11.42578125" customWidth="1"/>
  </cols>
  <sheetData>
    <row r="1" spans="1:7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</row>
    <row r="2" spans="1:7" x14ac:dyDescent="0.25">
      <c r="A2" s="2">
        <v>2025</v>
      </c>
      <c r="B2" s="2">
        <v>795.71</v>
      </c>
      <c r="C2" s="2" t="s">
        <v>71</v>
      </c>
      <c r="D2" s="2"/>
      <c r="E2" s="2"/>
      <c r="F2" s="2">
        <v>790.67</v>
      </c>
      <c r="G2" s="2" t="s">
        <v>49</v>
      </c>
    </row>
    <row r="3" spans="1:7" x14ac:dyDescent="0.25">
      <c r="A3" s="2">
        <v>2024</v>
      </c>
      <c r="B3" s="2">
        <v>794.9</v>
      </c>
      <c r="C3" s="2" t="s">
        <v>107</v>
      </c>
      <c r="D3" s="2"/>
      <c r="E3" s="2"/>
      <c r="F3" s="2">
        <v>791.88</v>
      </c>
      <c r="G3" s="2" t="s">
        <v>14</v>
      </c>
    </row>
    <row r="4" spans="1:7" x14ac:dyDescent="0.25">
      <c r="A4" s="2">
        <v>2023</v>
      </c>
      <c r="B4" s="2">
        <v>795</v>
      </c>
      <c r="C4" s="2" t="s">
        <v>7</v>
      </c>
      <c r="D4" s="2"/>
      <c r="E4" s="2"/>
      <c r="F4" s="2">
        <v>792</v>
      </c>
      <c r="G4" s="2" t="s">
        <v>8</v>
      </c>
    </row>
    <row r="5" spans="1:7" x14ac:dyDescent="0.25">
      <c r="A5" s="2">
        <v>2022</v>
      </c>
      <c r="B5" s="2">
        <v>794.9</v>
      </c>
      <c r="C5" s="2" t="s">
        <v>9</v>
      </c>
      <c r="D5" s="2"/>
      <c r="E5" s="2"/>
      <c r="F5" s="2">
        <v>792.6</v>
      </c>
      <c r="G5" s="2" t="s">
        <v>10</v>
      </c>
    </row>
    <row r="6" spans="1:7" x14ac:dyDescent="0.25">
      <c r="A6" s="2">
        <v>2021</v>
      </c>
      <c r="B6" s="2">
        <v>795</v>
      </c>
      <c r="C6" s="2" t="s">
        <v>11</v>
      </c>
      <c r="D6" s="2"/>
      <c r="E6" s="2"/>
      <c r="F6" s="2">
        <v>792.5</v>
      </c>
      <c r="G6" s="2" t="s">
        <v>12</v>
      </c>
    </row>
    <row r="7" spans="1:7" x14ac:dyDescent="0.25">
      <c r="A7" s="2">
        <v>2020</v>
      </c>
      <c r="B7" s="2">
        <v>798.6</v>
      </c>
      <c r="C7" s="2" t="s">
        <v>13</v>
      </c>
      <c r="D7" s="2"/>
      <c r="E7" s="2"/>
      <c r="F7" s="2">
        <v>792.3</v>
      </c>
      <c r="G7" s="2" t="s">
        <v>14</v>
      </c>
    </row>
    <row r="8" spans="1:7" x14ac:dyDescent="0.25">
      <c r="A8" s="2">
        <v>2019</v>
      </c>
      <c r="B8" s="2">
        <v>795.01</v>
      </c>
      <c r="C8" s="2" t="s">
        <v>15</v>
      </c>
      <c r="D8" s="2"/>
      <c r="E8" s="2"/>
      <c r="F8" s="2">
        <v>792.69</v>
      </c>
      <c r="G8" s="2" t="s">
        <v>16</v>
      </c>
    </row>
    <row r="9" spans="1:7" x14ac:dyDescent="0.25">
      <c r="A9" s="2">
        <v>2018</v>
      </c>
      <c r="B9" s="2">
        <v>795.93</v>
      </c>
      <c r="C9" s="2" t="s">
        <v>17</v>
      </c>
      <c r="D9" s="2">
        <v>795.56</v>
      </c>
      <c r="E9" s="2" t="s">
        <v>18</v>
      </c>
      <c r="F9" s="2">
        <v>790.19</v>
      </c>
      <c r="G9" s="2" t="s">
        <v>19</v>
      </c>
    </row>
    <row r="10" spans="1:7" x14ac:dyDescent="0.25">
      <c r="A10" s="2">
        <v>2017</v>
      </c>
      <c r="B10" s="2">
        <v>795.81</v>
      </c>
      <c r="C10" s="3">
        <v>46138</v>
      </c>
      <c r="D10" s="2"/>
      <c r="E10" s="2"/>
      <c r="F10" s="2">
        <v>791</v>
      </c>
      <c r="G10" s="2" t="s">
        <v>20</v>
      </c>
    </row>
    <row r="11" spans="1:7" x14ac:dyDescent="0.25">
      <c r="A11" s="2">
        <v>2016</v>
      </c>
      <c r="B11" s="2">
        <v>795.11</v>
      </c>
      <c r="C11" s="2" t="s">
        <v>21</v>
      </c>
      <c r="D11" s="2"/>
      <c r="E11" s="2"/>
      <c r="F11" s="2">
        <v>792.72</v>
      </c>
      <c r="G11" s="2" t="s">
        <v>22</v>
      </c>
    </row>
    <row r="12" spans="1:7" x14ac:dyDescent="0.25">
      <c r="A12" s="2">
        <v>2015</v>
      </c>
      <c r="B12" s="2">
        <v>794.99</v>
      </c>
      <c r="C12" s="3">
        <v>46116</v>
      </c>
      <c r="D12" s="2"/>
      <c r="E12" s="2"/>
      <c r="F12" s="2">
        <v>791.47</v>
      </c>
      <c r="G12" s="2" t="s">
        <v>23</v>
      </c>
    </row>
    <row r="13" spans="1:7" x14ac:dyDescent="0.25">
      <c r="A13" s="2">
        <v>2014</v>
      </c>
      <c r="B13" s="2">
        <v>794.99</v>
      </c>
      <c r="C13" s="2" t="s">
        <v>24</v>
      </c>
      <c r="D13" s="2"/>
      <c r="E13" s="2"/>
      <c r="F13" s="2">
        <v>793.13</v>
      </c>
      <c r="G13" s="2" t="s">
        <v>25</v>
      </c>
    </row>
    <row r="14" spans="1:7" x14ac:dyDescent="0.25">
      <c r="A14" s="2">
        <v>2013</v>
      </c>
      <c r="B14" s="2">
        <v>795.12</v>
      </c>
      <c r="C14" s="3">
        <v>46151</v>
      </c>
      <c r="D14" s="2"/>
      <c r="E14" s="2"/>
      <c r="F14" s="2">
        <v>790.75</v>
      </c>
      <c r="G14" s="2" t="s">
        <v>26</v>
      </c>
    </row>
    <row r="15" spans="1:7" x14ac:dyDescent="0.25">
      <c r="A15" s="2">
        <v>2012</v>
      </c>
      <c r="B15" s="2">
        <v>794.99</v>
      </c>
      <c r="C15" s="2" t="s">
        <v>27</v>
      </c>
      <c r="D15" s="2"/>
      <c r="E15" s="2"/>
      <c r="F15" s="2">
        <v>789.03</v>
      </c>
      <c r="G15" s="2" t="s">
        <v>28</v>
      </c>
    </row>
    <row r="16" spans="1:7" x14ac:dyDescent="0.25">
      <c r="A16" s="2">
        <v>2011</v>
      </c>
      <c r="B16" s="2">
        <v>795.16</v>
      </c>
      <c r="C16" s="2" t="s">
        <v>29</v>
      </c>
      <c r="D16" s="2"/>
      <c r="E16" s="2"/>
      <c r="F16" s="2">
        <v>791.22</v>
      </c>
      <c r="G16" s="2" t="s">
        <v>30</v>
      </c>
    </row>
    <row r="17" spans="1:7" x14ac:dyDescent="0.25">
      <c r="A17" s="2"/>
      <c r="B17" s="2"/>
      <c r="C17" s="2" t="s">
        <v>28</v>
      </c>
      <c r="D17" s="2"/>
      <c r="E17" s="2"/>
      <c r="F17" s="2"/>
      <c r="G17" s="2"/>
    </row>
    <row r="18" spans="1:7" x14ac:dyDescent="0.25">
      <c r="A18" s="2">
        <v>2010</v>
      </c>
      <c r="B18" s="2">
        <v>795.7</v>
      </c>
      <c r="C18" s="2" t="s">
        <v>31</v>
      </c>
      <c r="D18" s="2"/>
      <c r="E18" s="2"/>
      <c r="F18" s="2">
        <v>791.64</v>
      </c>
      <c r="G18" s="2" t="s">
        <v>32</v>
      </c>
    </row>
    <row r="19" spans="1:7" x14ac:dyDescent="0.25">
      <c r="A19" s="2">
        <v>2009</v>
      </c>
      <c r="B19" s="2">
        <v>796.91</v>
      </c>
      <c r="C19" s="2" t="s">
        <v>13</v>
      </c>
      <c r="D19" s="2"/>
      <c r="E19" s="2"/>
      <c r="F19" s="2">
        <v>791.61</v>
      </c>
      <c r="G19" s="2" t="s">
        <v>33</v>
      </c>
    </row>
    <row r="20" spans="1:7" x14ac:dyDescent="0.25">
      <c r="A20" s="2">
        <v>2008</v>
      </c>
      <c r="B20" s="2">
        <v>795.01</v>
      </c>
      <c r="C20" s="2" t="s">
        <v>34</v>
      </c>
      <c r="D20" s="2"/>
      <c r="E20" s="2"/>
      <c r="F20" s="2">
        <v>789.54</v>
      </c>
      <c r="G20" s="2" t="s">
        <v>35</v>
      </c>
    </row>
    <row r="21" spans="1:7" x14ac:dyDescent="0.25">
      <c r="A21" s="2">
        <v>2007</v>
      </c>
      <c r="B21" s="2">
        <v>795.06</v>
      </c>
      <c r="C21" s="2" t="s">
        <v>36</v>
      </c>
      <c r="D21" s="2"/>
      <c r="E21" s="2"/>
      <c r="F21" s="2">
        <v>789.57</v>
      </c>
      <c r="G21" s="2" t="s">
        <v>37</v>
      </c>
    </row>
    <row r="22" spans="1:7" x14ac:dyDescent="0.25">
      <c r="A22" s="2">
        <v>2006</v>
      </c>
      <c r="B22" s="2">
        <v>795.09</v>
      </c>
      <c r="C22" s="2" t="s">
        <v>38</v>
      </c>
      <c r="D22" s="2"/>
      <c r="E22" s="2"/>
      <c r="F22" s="2">
        <v>791.47</v>
      </c>
      <c r="G22" s="2" t="s">
        <v>39</v>
      </c>
    </row>
    <row r="23" spans="1:7" x14ac:dyDescent="0.25">
      <c r="A23" s="2">
        <v>2005</v>
      </c>
      <c r="B23" s="2">
        <v>795.09</v>
      </c>
      <c r="C23" s="2" t="s">
        <v>40</v>
      </c>
      <c r="D23" s="2"/>
      <c r="E23" s="2"/>
      <c r="F23" s="2">
        <v>791.85</v>
      </c>
      <c r="G23" s="2" t="s">
        <v>41</v>
      </c>
    </row>
    <row r="24" spans="1:7" x14ac:dyDescent="0.25">
      <c r="A24" s="2">
        <v>2004</v>
      </c>
      <c r="B24" s="2">
        <v>797.42</v>
      </c>
      <c r="C24" s="2" t="s">
        <v>42</v>
      </c>
      <c r="D24" s="2">
        <v>796.01</v>
      </c>
      <c r="E24" s="2" t="s">
        <v>43</v>
      </c>
      <c r="F24" s="2">
        <v>793.1</v>
      </c>
      <c r="G24" s="2" t="s">
        <v>46</v>
      </c>
    </row>
    <row r="25" spans="1:7" x14ac:dyDescent="0.25">
      <c r="A25" s="2"/>
      <c r="B25" s="2"/>
      <c r="C25" s="2"/>
      <c r="D25" s="2">
        <v>797.1</v>
      </c>
      <c r="E25" s="2" t="s">
        <v>44</v>
      </c>
      <c r="F25" s="2"/>
      <c r="G25" s="2"/>
    </row>
    <row r="26" spans="1:7" x14ac:dyDescent="0.25">
      <c r="A26" s="2"/>
      <c r="B26" s="2"/>
      <c r="C26" s="2"/>
      <c r="D26" s="2">
        <v>796.97</v>
      </c>
      <c r="E26" s="2" t="s">
        <v>45</v>
      </c>
      <c r="F26" s="2"/>
      <c r="G26" s="2"/>
    </row>
    <row r="27" spans="1:7" x14ac:dyDescent="0.25">
      <c r="A27" s="2"/>
      <c r="B27" s="2"/>
      <c r="C27" s="2"/>
      <c r="D27" s="2">
        <v>795.11</v>
      </c>
      <c r="E27" s="3">
        <v>46131</v>
      </c>
      <c r="F27" s="2"/>
      <c r="G27" s="2"/>
    </row>
    <row r="28" spans="1:7" x14ac:dyDescent="0.25">
      <c r="A28" s="2">
        <v>2003</v>
      </c>
      <c r="B28" s="2">
        <v>796.15</v>
      </c>
      <c r="C28" s="2" t="s">
        <v>47</v>
      </c>
      <c r="D28" s="2"/>
      <c r="E28" s="2"/>
      <c r="F28" s="2">
        <v>793.13</v>
      </c>
      <c r="G28" s="2" t="s">
        <v>48</v>
      </c>
    </row>
    <row r="29" spans="1:7" x14ac:dyDescent="0.25">
      <c r="A29" s="2">
        <v>2002</v>
      </c>
      <c r="B29" s="2">
        <v>795.08</v>
      </c>
      <c r="C29" s="2" t="s">
        <v>49</v>
      </c>
      <c r="D29" s="2"/>
      <c r="E29" s="2"/>
      <c r="F29" s="2">
        <v>788.83</v>
      </c>
      <c r="G29" s="2" t="s">
        <v>50</v>
      </c>
    </row>
    <row r="30" spans="1:7" x14ac:dyDescent="0.25">
      <c r="A30" s="2">
        <v>2001</v>
      </c>
      <c r="B30" s="2">
        <v>795.09</v>
      </c>
      <c r="C30" s="2" t="s">
        <v>51</v>
      </c>
      <c r="D30" s="2"/>
      <c r="E30" s="2"/>
      <c r="F30" s="2">
        <v>788.52</v>
      </c>
      <c r="G30" s="2" t="s">
        <v>22</v>
      </c>
    </row>
    <row r="31" spans="1:7" x14ac:dyDescent="0.25">
      <c r="A31" s="2">
        <v>2000</v>
      </c>
      <c r="B31" s="2">
        <v>795.17</v>
      </c>
      <c r="C31" s="3">
        <v>46131</v>
      </c>
      <c r="D31" s="2">
        <v>795.09</v>
      </c>
      <c r="E31" s="3">
        <v>46132</v>
      </c>
      <c r="F31" s="2" t="s">
        <v>52</v>
      </c>
      <c r="G31" s="2" t="s">
        <v>54</v>
      </c>
    </row>
    <row r="32" spans="1:7" x14ac:dyDescent="0.25">
      <c r="A32" s="4"/>
      <c r="B32" s="4"/>
      <c r="C32" s="4"/>
      <c r="D32" s="4"/>
      <c r="E32" s="4"/>
      <c r="F32" s="4" t="s">
        <v>53</v>
      </c>
      <c r="G32" s="4"/>
    </row>
    <row r="33" spans="1:7" x14ac:dyDescent="0.25">
      <c r="A33" s="2">
        <v>1999</v>
      </c>
      <c r="B33" s="2">
        <v>795.07</v>
      </c>
      <c r="C33" s="2" t="s">
        <v>55</v>
      </c>
      <c r="D33" s="2">
        <v>795.03</v>
      </c>
      <c r="E33" s="3">
        <v>46124</v>
      </c>
      <c r="F33" s="2">
        <v>789.72</v>
      </c>
      <c r="G33" s="2" t="s">
        <v>56</v>
      </c>
    </row>
    <row r="34" spans="1:7" x14ac:dyDescent="0.25">
      <c r="A34" s="2">
        <v>1998</v>
      </c>
      <c r="B34" s="2">
        <v>795.83</v>
      </c>
      <c r="C34" s="2" t="s">
        <v>57</v>
      </c>
      <c r="D34" s="2">
        <v>795.45</v>
      </c>
      <c r="E34" s="2" t="s">
        <v>58</v>
      </c>
      <c r="F34" s="2">
        <v>789.11</v>
      </c>
      <c r="G34" s="2" t="s">
        <v>59</v>
      </c>
    </row>
    <row r="35" spans="1:7" x14ac:dyDescent="0.25">
      <c r="A35" s="2">
        <v>1997</v>
      </c>
      <c r="B35" s="2">
        <v>795</v>
      </c>
      <c r="C35" s="2"/>
      <c r="D35" s="2"/>
      <c r="E35" s="2"/>
      <c r="F35" s="2">
        <v>791.55</v>
      </c>
      <c r="G35" s="2" t="s">
        <v>33</v>
      </c>
    </row>
    <row r="36" spans="1:7" x14ac:dyDescent="0.25">
      <c r="A36" s="2">
        <v>1996</v>
      </c>
      <c r="B36" s="2">
        <v>796.56</v>
      </c>
      <c r="C36" s="2" t="s">
        <v>60</v>
      </c>
      <c r="D36" s="2">
        <v>795.63</v>
      </c>
      <c r="E36" s="2" t="s">
        <v>31</v>
      </c>
      <c r="F36" s="2">
        <v>792.88</v>
      </c>
      <c r="G36" s="2" t="s">
        <v>61</v>
      </c>
    </row>
    <row r="37" spans="1:7" x14ac:dyDescent="0.25">
      <c r="A37" s="2">
        <v>1995</v>
      </c>
      <c r="B37" s="2">
        <v>796.31</v>
      </c>
      <c r="C37" s="2" t="s">
        <v>62</v>
      </c>
      <c r="D37" s="2">
        <v>795.14</v>
      </c>
      <c r="E37" s="2" t="s">
        <v>63</v>
      </c>
      <c r="F37" s="2">
        <v>791.11</v>
      </c>
      <c r="G37" s="2" t="s">
        <v>16</v>
      </c>
    </row>
    <row r="38" spans="1:7" x14ac:dyDescent="0.25">
      <c r="A38" s="2">
        <v>1994</v>
      </c>
      <c r="B38" s="2">
        <v>795.41</v>
      </c>
      <c r="C38" s="2" t="s">
        <v>64</v>
      </c>
      <c r="D38" s="2"/>
      <c r="E38" s="2"/>
      <c r="F38" s="2">
        <v>791.92</v>
      </c>
      <c r="G38" s="2" t="s">
        <v>65</v>
      </c>
    </row>
    <row r="39" spans="1:7" x14ac:dyDescent="0.25">
      <c r="A39" s="2">
        <v>1993</v>
      </c>
      <c r="B39" s="2">
        <v>796.56</v>
      </c>
      <c r="C39" s="2" t="s">
        <v>66</v>
      </c>
      <c r="D39" s="2"/>
      <c r="E39" s="2"/>
      <c r="F39" s="2">
        <v>791.48</v>
      </c>
      <c r="G39" s="2" t="s">
        <v>67</v>
      </c>
    </row>
    <row r="40" spans="1:7" x14ac:dyDescent="0.25">
      <c r="A40" s="2">
        <v>1992</v>
      </c>
      <c r="B40" s="2">
        <v>797.46</v>
      </c>
      <c r="C40" s="3">
        <v>46134</v>
      </c>
      <c r="D40" s="2"/>
      <c r="E40" s="2"/>
      <c r="F40" s="2">
        <v>791.44</v>
      </c>
      <c r="G40" s="2" t="s">
        <v>68</v>
      </c>
    </row>
    <row r="41" spans="1:7" x14ac:dyDescent="0.25">
      <c r="A41" s="2">
        <v>1991</v>
      </c>
      <c r="B41" s="2">
        <v>795</v>
      </c>
      <c r="C41" s="2"/>
      <c r="D41" s="2"/>
      <c r="E41" s="2"/>
      <c r="F41" s="2">
        <v>790.34</v>
      </c>
      <c r="G41" s="2" t="s">
        <v>69</v>
      </c>
    </row>
    <row r="42" spans="1:7" x14ac:dyDescent="0.25">
      <c r="A42" s="2">
        <v>1990</v>
      </c>
      <c r="B42" s="2">
        <v>796.09</v>
      </c>
      <c r="C42" s="2" t="s">
        <v>37</v>
      </c>
      <c r="D42" s="2"/>
      <c r="E42" s="2"/>
      <c r="F42" s="2">
        <v>793.33</v>
      </c>
      <c r="G42" s="2" t="s">
        <v>70</v>
      </c>
    </row>
    <row r="43" spans="1:7" x14ac:dyDescent="0.25">
      <c r="A43" s="2">
        <v>1989</v>
      </c>
      <c r="B43" s="2">
        <v>795.3</v>
      </c>
      <c r="C43" s="3">
        <v>46148</v>
      </c>
      <c r="D43" s="2"/>
      <c r="E43" s="2"/>
      <c r="F43" s="2">
        <v>790.84</v>
      </c>
      <c r="G43" s="2" t="s">
        <v>71</v>
      </c>
    </row>
    <row r="44" spans="1:7" x14ac:dyDescent="0.25">
      <c r="A44" s="2">
        <v>1988</v>
      </c>
      <c r="B44" s="2">
        <v>795</v>
      </c>
      <c r="C44" s="2"/>
      <c r="D44" s="2"/>
      <c r="E44" s="2"/>
      <c r="F44" s="2">
        <v>790.75</v>
      </c>
      <c r="G44" s="2" t="s">
        <v>72</v>
      </c>
    </row>
    <row r="45" spans="1:7" x14ac:dyDescent="0.25">
      <c r="A45" s="2">
        <v>1987</v>
      </c>
      <c r="B45" s="2">
        <v>799.53</v>
      </c>
      <c r="C45" s="3">
        <v>46129</v>
      </c>
      <c r="D45" s="2">
        <v>799.26</v>
      </c>
      <c r="E45" s="2" t="s">
        <v>73</v>
      </c>
      <c r="F45" s="2">
        <v>792.9</v>
      </c>
      <c r="G45" s="2" t="s">
        <v>75</v>
      </c>
    </row>
    <row r="46" spans="1:7" x14ac:dyDescent="0.25">
      <c r="A46" s="2"/>
      <c r="B46" s="2"/>
      <c r="C46" s="2"/>
      <c r="D46" s="2">
        <v>796.25</v>
      </c>
      <c r="E46" s="2" t="s">
        <v>74</v>
      </c>
      <c r="F46" s="2"/>
      <c r="G46" s="2"/>
    </row>
    <row r="47" spans="1:7" x14ac:dyDescent="0.25">
      <c r="A47" s="2"/>
      <c r="B47" s="2"/>
      <c r="C47" s="2"/>
      <c r="D47" s="2">
        <v>798.35</v>
      </c>
      <c r="E47" s="3">
        <v>46138</v>
      </c>
      <c r="F47" s="2"/>
      <c r="G47" s="2"/>
    </row>
    <row r="48" spans="1:7" x14ac:dyDescent="0.25">
      <c r="A48" s="2">
        <v>1986</v>
      </c>
      <c r="B48" s="2">
        <v>795</v>
      </c>
      <c r="C48" s="2"/>
      <c r="D48" s="2"/>
      <c r="E48" s="2"/>
      <c r="F48" s="2">
        <v>790.8</v>
      </c>
      <c r="G48" s="2" t="s">
        <v>76</v>
      </c>
    </row>
    <row r="49" spans="1:7" x14ac:dyDescent="0.25">
      <c r="A49" s="2">
        <v>1985</v>
      </c>
      <c r="B49" s="2">
        <v>799.5</v>
      </c>
      <c r="C49" s="2" t="s">
        <v>77</v>
      </c>
      <c r="D49" s="2">
        <v>795.8</v>
      </c>
      <c r="E49" s="2" t="s">
        <v>78</v>
      </c>
      <c r="F49" s="2">
        <v>792.6</v>
      </c>
      <c r="G49" s="3">
        <v>46156</v>
      </c>
    </row>
    <row r="50" spans="1:7" x14ac:dyDescent="0.25">
      <c r="A50" s="2"/>
      <c r="B50" s="2"/>
      <c r="C50" s="2"/>
      <c r="D50" s="2"/>
      <c r="E50" s="2" t="s">
        <v>79</v>
      </c>
      <c r="F50" s="2"/>
      <c r="G50" s="2"/>
    </row>
    <row r="51" spans="1:7" x14ac:dyDescent="0.25">
      <c r="A51" s="2">
        <v>1984</v>
      </c>
      <c r="B51" s="2">
        <v>795.1</v>
      </c>
      <c r="C51" s="2" t="s">
        <v>80</v>
      </c>
      <c r="D51" s="2"/>
      <c r="E51" s="2"/>
      <c r="F51" s="2">
        <v>792.5</v>
      </c>
      <c r="G51" s="2" t="s">
        <v>81</v>
      </c>
    </row>
    <row r="52" spans="1:7" x14ac:dyDescent="0.25">
      <c r="A52" s="2"/>
      <c r="B52" s="2"/>
      <c r="C52" s="2" t="s">
        <v>40</v>
      </c>
      <c r="D52" s="2"/>
      <c r="E52" s="2"/>
      <c r="F52" s="2"/>
      <c r="G52" s="2" t="s">
        <v>82</v>
      </c>
    </row>
    <row r="53" spans="1:7" x14ac:dyDescent="0.25">
      <c r="A53" s="2"/>
      <c r="B53" s="2"/>
      <c r="C53" s="2"/>
      <c r="D53" s="2"/>
      <c r="E53" s="2"/>
      <c r="F53" s="2"/>
      <c r="G53" s="2" t="s">
        <v>83</v>
      </c>
    </row>
    <row r="54" spans="1:7" x14ac:dyDescent="0.25">
      <c r="A54" s="2">
        <v>1983</v>
      </c>
      <c r="B54" s="2">
        <v>795.8</v>
      </c>
      <c r="C54" s="3">
        <v>46122</v>
      </c>
      <c r="D54" s="2"/>
      <c r="E54" s="2"/>
      <c r="F54" s="2">
        <v>789.8</v>
      </c>
      <c r="G54" s="2" t="s">
        <v>84</v>
      </c>
    </row>
    <row r="55" spans="1:7" x14ac:dyDescent="0.25">
      <c r="A55" s="2"/>
      <c r="B55" s="2"/>
      <c r="C55" s="2"/>
      <c r="D55" s="2"/>
      <c r="E55" s="2"/>
      <c r="F55" s="2"/>
      <c r="G55" s="2" t="s">
        <v>85</v>
      </c>
    </row>
    <row r="56" spans="1:7" x14ac:dyDescent="0.25">
      <c r="A56" s="2">
        <v>1982</v>
      </c>
      <c r="B56" s="2">
        <v>795</v>
      </c>
      <c r="C56" s="2"/>
      <c r="D56" s="2"/>
      <c r="E56" s="2"/>
      <c r="F56" s="2">
        <v>791.8</v>
      </c>
      <c r="G56" s="2" t="s">
        <v>77</v>
      </c>
    </row>
    <row r="57" spans="1:7" x14ac:dyDescent="0.25">
      <c r="A57" s="2">
        <v>1981</v>
      </c>
      <c r="B57" s="2">
        <v>794.7</v>
      </c>
      <c r="C57" s="2" t="s">
        <v>86</v>
      </c>
      <c r="D57" s="2"/>
      <c r="E57" s="2"/>
      <c r="F57" s="2">
        <v>789.3</v>
      </c>
      <c r="G57" s="2" t="s">
        <v>87</v>
      </c>
    </row>
    <row r="58" spans="1:7" x14ac:dyDescent="0.25">
      <c r="A58" s="2">
        <v>1980</v>
      </c>
      <c r="B58" s="2">
        <v>795.3</v>
      </c>
      <c r="C58" s="3">
        <v>46126</v>
      </c>
      <c r="D58" s="2"/>
      <c r="E58" s="2"/>
      <c r="F58" s="2">
        <v>789.4</v>
      </c>
      <c r="G58" s="2" t="s">
        <v>88</v>
      </c>
    </row>
    <row r="59" spans="1:7" x14ac:dyDescent="0.25">
      <c r="A59" s="2">
        <v>1979</v>
      </c>
      <c r="B59" s="2">
        <v>796.9</v>
      </c>
      <c r="C59" s="2" t="s">
        <v>89</v>
      </c>
      <c r="D59" s="2">
        <v>796.3</v>
      </c>
      <c r="E59" s="2" t="s">
        <v>90</v>
      </c>
      <c r="F59" s="2">
        <v>792.3</v>
      </c>
      <c r="G59" s="2" t="s">
        <v>36</v>
      </c>
    </row>
    <row r="60" spans="1:7" x14ac:dyDescent="0.25">
      <c r="A60" s="2"/>
      <c r="B60" s="2"/>
      <c r="C60" s="2"/>
      <c r="D60" s="2"/>
      <c r="E60" s="2" t="s">
        <v>18</v>
      </c>
      <c r="F60" s="2"/>
      <c r="G60" s="2"/>
    </row>
    <row r="61" spans="1:7" x14ac:dyDescent="0.25">
      <c r="A61" s="2">
        <v>1978</v>
      </c>
      <c r="B61" s="2">
        <v>799.79</v>
      </c>
      <c r="C61" s="3">
        <v>46139</v>
      </c>
      <c r="D61" s="2">
        <v>796.4</v>
      </c>
      <c r="E61" s="2" t="s">
        <v>91</v>
      </c>
      <c r="F61" s="2">
        <v>790.3</v>
      </c>
      <c r="G61" s="2" t="s">
        <v>92</v>
      </c>
    </row>
    <row r="62" spans="1:7" x14ac:dyDescent="0.25">
      <c r="A62" s="2">
        <v>1977</v>
      </c>
      <c r="B62" s="2">
        <v>795.2</v>
      </c>
      <c r="C62" s="3">
        <v>46117</v>
      </c>
      <c r="D62" s="2"/>
      <c r="E62" s="2"/>
      <c r="F62" s="2">
        <v>788.3</v>
      </c>
      <c r="G62" s="2" t="s">
        <v>82</v>
      </c>
    </row>
    <row r="63" spans="1:7" x14ac:dyDescent="0.25">
      <c r="A63" s="2"/>
      <c r="B63" s="2"/>
      <c r="C63" s="2"/>
      <c r="D63" s="2"/>
      <c r="E63" s="2"/>
      <c r="F63" s="2"/>
      <c r="G63" s="2" t="s">
        <v>83</v>
      </c>
    </row>
    <row r="64" spans="1:7" x14ac:dyDescent="0.25">
      <c r="A64" s="2">
        <v>1976</v>
      </c>
      <c r="B64" s="2">
        <v>795</v>
      </c>
      <c r="C64" s="2"/>
      <c r="D64" s="2"/>
      <c r="E64" s="2"/>
      <c r="F64" s="2">
        <v>789.9</v>
      </c>
      <c r="G64" s="2" t="s">
        <v>21</v>
      </c>
    </row>
    <row r="65" spans="1:7" x14ac:dyDescent="0.25">
      <c r="A65" s="2">
        <v>1975</v>
      </c>
      <c r="B65" s="2">
        <v>796.8</v>
      </c>
      <c r="C65" s="2" t="s">
        <v>93</v>
      </c>
      <c r="D65" s="2"/>
      <c r="E65" s="2"/>
      <c r="F65" s="2">
        <v>791.6</v>
      </c>
      <c r="G65" s="2" t="s">
        <v>94</v>
      </c>
    </row>
    <row r="66" spans="1:7" x14ac:dyDescent="0.25">
      <c r="A66" s="2"/>
      <c r="B66" s="2"/>
      <c r="C66" s="2"/>
      <c r="D66" s="2"/>
      <c r="E66" s="2"/>
      <c r="F66" s="2"/>
      <c r="G66" s="2" t="s">
        <v>95</v>
      </c>
    </row>
    <row r="67" spans="1:7" x14ac:dyDescent="0.25">
      <c r="A67" s="2">
        <v>1974</v>
      </c>
      <c r="B67" s="2">
        <v>795</v>
      </c>
      <c r="C67" s="2"/>
      <c r="D67" s="2"/>
      <c r="E67" s="2"/>
      <c r="F67" s="2">
        <v>790.5</v>
      </c>
      <c r="G67" s="2" t="s">
        <v>88</v>
      </c>
    </row>
    <row r="68" spans="1:7" x14ac:dyDescent="0.25">
      <c r="A68" s="2"/>
      <c r="B68" s="2"/>
      <c r="C68" s="2"/>
      <c r="D68" s="2"/>
      <c r="E68" s="2"/>
      <c r="F68" s="2"/>
      <c r="G68" s="2" t="s">
        <v>96</v>
      </c>
    </row>
    <row r="69" spans="1:7" x14ac:dyDescent="0.25">
      <c r="A69" s="2"/>
      <c r="B69" s="2"/>
      <c r="C69" s="2"/>
      <c r="D69" s="2"/>
      <c r="E69" s="2"/>
      <c r="F69" s="2"/>
      <c r="G69" s="2" t="s">
        <v>97</v>
      </c>
    </row>
    <row r="70" spans="1:7" x14ac:dyDescent="0.25">
      <c r="A70" s="2">
        <v>1973</v>
      </c>
      <c r="B70" s="2">
        <v>795</v>
      </c>
      <c r="C70" s="2"/>
      <c r="D70" s="2"/>
      <c r="E70" s="2"/>
      <c r="F70" s="2">
        <v>791.8</v>
      </c>
      <c r="G70" s="2" t="s">
        <v>13</v>
      </c>
    </row>
    <row r="71" spans="1:7" x14ac:dyDescent="0.25">
      <c r="A71" s="2"/>
      <c r="B71" s="2"/>
      <c r="C71" s="2"/>
      <c r="D71" s="2"/>
      <c r="E71" s="2"/>
      <c r="F71" s="2"/>
      <c r="G71" s="2" t="s">
        <v>98</v>
      </c>
    </row>
    <row r="72" spans="1:7" x14ac:dyDescent="0.25">
      <c r="A72" s="2"/>
      <c r="B72" s="2"/>
      <c r="C72" s="2"/>
      <c r="D72" s="2"/>
      <c r="E72" s="2"/>
      <c r="F72" s="2"/>
      <c r="G72" s="2" t="s">
        <v>99</v>
      </c>
    </row>
    <row r="73" spans="1:7" x14ac:dyDescent="0.25">
      <c r="A73" s="2">
        <v>1972</v>
      </c>
      <c r="B73" s="2">
        <v>797.6</v>
      </c>
      <c r="C73" s="2" t="s">
        <v>39</v>
      </c>
      <c r="D73" s="2"/>
      <c r="E73" s="2"/>
      <c r="F73" s="2">
        <v>791.7</v>
      </c>
      <c r="G73" s="2" t="s">
        <v>100</v>
      </c>
    </row>
    <row r="74" spans="1:7" x14ac:dyDescent="0.25">
      <c r="A74" s="2"/>
      <c r="B74" s="2"/>
      <c r="C74" s="2"/>
      <c r="D74" s="2"/>
      <c r="E74" s="2"/>
      <c r="F74" s="2"/>
      <c r="G74" s="2" t="s">
        <v>101</v>
      </c>
    </row>
    <row r="75" spans="1:7" x14ac:dyDescent="0.25">
      <c r="A75" s="2">
        <v>1971</v>
      </c>
      <c r="B75" s="2">
        <v>795.2</v>
      </c>
      <c r="C75" s="3">
        <v>46158</v>
      </c>
      <c r="D75" s="2"/>
      <c r="E75" s="2"/>
      <c r="F75" s="2">
        <v>789.6</v>
      </c>
      <c r="G75" s="2" t="s">
        <v>102</v>
      </c>
    </row>
    <row r="76" spans="1:7" x14ac:dyDescent="0.25">
      <c r="A76" s="2">
        <v>1970</v>
      </c>
      <c r="B76" s="2">
        <v>795</v>
      </c>
      <c r="C76" s="2"/>
      <c r="D76" s="2"/>
      <c r="E76" s="2"/>
      <c r="F76" s="2">
        <v>787.6</v>
      </c>
      <c r="G76" s="2" t="s">
        <v>103</v>
      </c>
    </row>
    <row r="77" spans="1:7" x14ac:dyDescent="0.25">
      <c r="A77" s="2">
        <v>1969</v>
      </c>
      <c r="B77" s="2">
        <v>795</v>
      </c>
      <c r="C77" s="2"/>
      <c r="D77" s="2"/>
      <c r="E77" s="2"/>
      <c r="F77" s="2">
        <v>790.4</v>
      </c>
      <c r="G77" s="2" t="s">
        <v>26</v>
      </c>
    </row>
    <row r="78" spans="1:7" x14ac:dyDescent="0.25">
      <c r="A78" s="2">
        <v>1968</v>
      </c>
      <c r="B78" s="2">
        <v>795</v>
      </c>
      <c r="C78" s="2"/>
      <c r="D78" s="2"/>
      <c r="E78" s="2"/>
      <c r="F78" s="2">
        <v>788.7</v>
      </c>
      <c r="G78" s="2" t="s">
        <v>104</v>
      </c>
    </row>
    <row r="79" spans="1:7" x14ac:dyDescent="0.25">
      <c r="A79" s="2">
        <v>1967</v>
      </c>
      <c r="B79" s="2">
        <v>795</v>
      </c>
      <c r="C79" s="2"/>
      <c r="D79" s="2"/>
      <c r="E79" s="2"/>
      <c r="F79" s="2">
        <v>791</v>
      </c>
      <c r="G79" s="2" t="s">
        <v>8</v>
      </c>
    </row>
    <row r="80" spans="1:7" x14ac:dyDescent="0.25">
      <c r="A80" s="2"/>
      <c r="B80" s="2"/>
      <c r="C80" s="2"/>
      <c r="D80" s="2"/>
      <c r="E80" s="2"/>
      <c r="F80" s="2"/>
      <c r="G80" s="2" t="s">
        <v>67</v>
      </c>
    </row>
    <row r="81" spans="1:7" x14ac:dyDescent="0.25">
      <c r="A81" s="2">
        <v>1966</v>
      </c>
      <c r="B81" s="2">
        <v>795</v>
      </c>
      <c r="C81" s="2"/>
      <c r="D81" s="2"/>
      <c r="E81" s="2"/>
      <c r="F81" s="2" t="s">
        <v>105</v>
      </c>
      <c r="G81" s="2" t="s">
        <v>106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Props1.xml><?xml version="1.0" encoding="utf-8"?>
<ds:datastoreItem xmlns:ds="http://schemas.openxmlformats.org/officeDocument/2006/customXml" ds:itemID="{7F408C3A-8778-449C-A5FE-73D7DB589ECC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lijah T Meador</dc:creator>
  <cp:lastModifiedBy>Elijah T Meador</cp:lastModifiedBy>
  <dcterms:created xsi:type="dcterms:W3CDTF">2026-06-09T12:35:04Z</dcterms:created>
  <dcterms:modified xsi:type="dcterms:W3CDTF">2026-06-09T13:05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19aed16e-c275-4745-96c7-22cdf60fe6b7</vt:lpwstr>
  </property>
  <property fmtid="{D5CDD505-2E9C-101B-9397-08002B2CF9AE}" pid="3" name="bjClsUserRVM">
    <vt:lpwstr>[]</vt:lpwstr>
  </property>
  <property fmtid="{D5CDD505-2E9C-101B-9397-08002B2CF9AE}" pid="4" name="bjSaver">
    <vt:lpwstr>ZibR+NoxDcY+0VVNIjNsothjzG9g8t4N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7" name="bjDocumentSecurityLabel">
    <vt:lpwstr>Uncategorized</vt:lpwstr>
  </property>
  <property fmtid="{D5CDD505-2E9C-101B-9397-08002B2CF9AE}" pid="8" name="MSIP_Label_574d496c-7ac4-4b13-81fd-698eca66b217_SiteId">
    <vt:lpwstr>15f3c881-6b03-4ff6-8559-77bf5177818f</vt:lpwstr>
  </property>
  <property fmtid="{D5CDD505-2E9C-101B-9397-08002B2CF9AE}" pid="9" name="MSIP_Label_574d496c-7ac4-4b13-81fd-698eca66b217_Name">
    <vt:lpwstr>Uncategorized</vt:lpwstr>
  </property>
  <property fmtid="{D5CDD505-2E9C-101B-9397-08002B2CF9AE}" pid="10" name="MSIP_Label_574d496c-7ac4-4b13-81fd-698eca66b217_Enabled">
    <vt:lpwstr>true</vt:lpwstr>
  </property>
  <property fmtid="{D5CDD505-2E9C-101B-9397-08002B2CF9AE}" pid="11" name="bjpmDocIH">
    <vt:lpwstr>9NdFsjVERFzU54EWMO8KSTrTLfpJD/2q</vt:lpwstr>
  </property>
</Properties>
</file>